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62" r:id="rId5"/>
  </p:sldMasterIdLst>
  <p:sldIdLst>
    <p:sldId id="257" r:id="rId6"/>
    <p:sldId id="271" r:id="rId7"/>
    <p:sldId id="274" r:id="rId8"/>
    <p:sldId id="27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18C402F-596A-4D59-857C-9A68A77A8DBC}" v="6" dt="2025-11-20T21:22:13.363"/>
    <p1510:client id="{B8EA47EE-799B-48DC-9C49-594B4F2A060C}" v="8" dt="2025-11-20T21:38:30.57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79" d="100"/>
          <a:sy n="79" d="100"/>
        </p:scale>
        <p:origin x="773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loria Asiimwe" userId="c024b75d-292e-4c56-9621-7e555a0fc6d4" providerId="ADAL" clId="{7CAD9856-F3F0-46EB-8063-AF1386528BA3}"/>
    <pc:docChg chg="undo custSel addSld delSld modSld">
      <pc:chgData name="Gloria Asiimwe" userId="c024b75d-292e-4c56-9621-7e555a0fc6d4" providerId="ADAL" clId="{7CAD9856-F3F0-46EB-8063-AF1386528BA3}" dt="2025-11-20T21:38:30.578" v="26" actId="14826"/>
      <pc:docMkLst>
        <pc:docMk/>
      </pc:docMkLst>
      <pc:sldChg chg="modSp add del mod">
        <pc:chgData name="Gloria Asiimwe" userId="c024b75d-292e-4c56-9621-7e555a0fc6d4" providerId="ADAL" clId="{7CAD9856-F3F0-46EB-8063-AF1386528BA3}" dt="2025-11-20T21:36:58.648" v="3" actId="47"/>
        <pc:sldMkLst>
          <pc:docMk/>
          <pc:sldMk cId="1249451625" sldId="256"/>
        </pc:sldMkLst>
        <pc:spChg chg="mod">
          <ac:chgData name="Gloria Asiimwe" userId="c024b75d-292e-4c56-9621-7e555a0fc6d4" providerId="ADAL" clId="{7CAD9856-F3F0-46EB-8063-AF1386528BA3}" dt="2025-11-20T21:36:36.193" v="1" actId="1076"/>
          <ac:spMkLst>
            <pc:docMk/>
            <pc:sldMk cId="1249451625" sldId="256"/>
            <ac:spMk id="7" creationId="{FB41E519-495A-CD14-337E-BF9AF6B4FB27}"/>
          </ac:spMkLst>
        </pc:spChg>
      </pc:sldChg>
      <pc:sldChg chg="modSp">
        <pc:chgData name="Gloria Asiimwe" userId="c024b75d-292e-4c56-9621-7e555a0fc6d4" providerId="ADAL" clId="{7CAD9856-F3F0-46EB-8063-AF1386528BA3}" dt="2025-11-20T21:38:30.578" v="26" actId="14826"/>
        <pc:sldMkLst>
          <pc:docMk/>
          <pc:sldMk cId="2748576720" sldId="257"/>
        </pc:sldMkLst>
        <pc:picChg chg="mod">
          <ac:chgData name="Gloria Asiimwe" userId="c024b75d-292e-4c56-9621-7e555a0fc6d4" providerId="ADAL" clId="{7CAD9856-F3F0-46EB-8063-AF1386528BA3}" dt="2025-11-20T21:38:30.578" v="26" actId="14826"/>
          <ac:picMkLst>
            <pc:docMk/>
            <pc:sldMk cId="2748576720" sldId="257"/>
            <ac:picMk id="3" creationId="{4C8D5E7D-B7D0-956A-CC67-9F47B016CA29}"/>
          </ac:picMkLst>
        </pc:picChg>
      </pc:sldChg>
      <pc:sldChg chg="modSp">
        <pc:chgData name="Gloria Asiimwe" userId="c024b75d-292e-4c56-9621-7e555a0fc6d4" providerId="ADAL" clId="{7CAD9856-F3F0-46EB-8063-AF1386528BA3}" dt="2025-11-20T21:38:19.666" v="25" actId="14826"/>
        <pc:sldMkLst>
          <pc:docMk/>
          <pc:sldMk cId="3035780936" sldId="271"/>
        </pc:sldMkLst>
        <pc:picChg chg="mod">
          <ac:chgData name="Gloria Asiimwe" userId="c024b75d-292e-4c56-9621-7e555a0fc6d4" providerId="ADAL" clId="{7CAD9856-F3F0-46EB-8063-AF1386528BA3}" dt="2025-11-20T21:38:19.666" v="25" actId="14826"/>
          <ac:picMkLst>
            <pc:docMk/>
            <pc:sldMk cId="3035780936" sldId="271"/>
            <ac:picMk id="4" creationId="{1A038923-FFF2-2388-BD59-A0D9B2853285}"/>
          </ac:picMkLst>
        </pc:picChg>
      </pc:sldChg>
      <pc:sldChg chg="addSp delSp modSp mod">
        <pc:chgData name="Gloria Asiimwe" userId="c024b75d-292e-4c56-9621-7e555a0fc6d4" providerId="ADAL" clId="{7CAD9856-F3F0-46EB-8063-AF1386528BA3}" dt="2025-11-20T21:37:59.365" v="24" actId="14430"/>
        <pc:sldMkLst>
          <pc:docMk/>
          <pc:sldMk cId="789460267" sldId="274"/>
        </pc:sldMkLst>
        <pc:spChg chg="add mod">
          <ac:chgData name="Gloria Asiimwe" userId="c024b75d-292e-4c56-9621-7e555a0fc6d4" providerId="ADAL" clId="{7CAD9856-F3F0-46EB-8063-AF1386528BA3}" dt="2025-11-20T21:37:53.001" v="19"/>
          <ac:spMkLst>
            <pc:docMk/>
            <pc:sldMk cId="789460267" sldId="274"/>
            <ac:spMk id="4" creationId="{802B4BF6-F82E-C08A-9475-74116FF8716B}"/>
          </ac:spMkLst>
        </pc:spChg>
        <pc:spChg chg="mod modVis">
          <ac:chgData name="Gloria Asiimwe" userId="c024b75d-292e-4c56-9621-7e555a0fc6d4" providerId="ADAL" clId="{7CAD9856-F3F0-46EB-8063-AF1386528BA3}" dt="2025-11-20T21:37:44.265" v="10" actId="14430"/>
          <ac:spMkLst>
            <pc:docMk/>
            <pc:sldMk cId="789460267" sldId="274"/>
            <ac:spMk id="5" creationId="{3805FF7A-3484-1EDE-7EE4-BBE196BA4DB2}"/>
          </ac:spMkLst>
        </pc:spChg>
        <pc:spChg chg="mod modVis">
          <ac:chgData name="Gloria Asiimwe" userId="c024b75d-292e-4c56-9621-7e555a0fc6d4" providerId="ADAL" clId="{7CAD9856-F3F0-46EB-8063-AF1386528BA3}" dt="2025-11-20T21:37:59.365" v="24" actId="14430"/>
          <ac:spMkLst>
            <pc:docMk/>
            <pc:sldMk cId="789460267" sldId="274"/>
            <ac:spMk id="7" creationId="{22BEFDDE-4F75-E4C1-D461-F2DC7262A728}"/>
          </ac:spMkLst>
        </pc:spChg>
        <pc:spChg chg="add del mod">
          <ac:chgData name="Gloria Asiimwe" userId="c024b75d-292e-4c56-9621-7e555a0fc6d4" providerId="ADAL" clId="{7CAD9856-F3F0-46EB-8063-AF1386528BA3}" dt="2025-11-20T21:37:48.910" v="16" actId="1076"/>
          <ac:spMkLst>
            <pc:docMk/>
            <pc:sldMk cId="789460267" sldId="274"/>
            <ac:spMk id="25" creationId="{EB13819F-B49E-D35D-0D0C-BC851B9E8ACC}"/>
          </ac:spMkLst>
        </pc:spChg>
        <pc:spChg chg="del">
          <ac:chgData name="Gloria Asiimwe" userId="c024b75d-292e-4c56-9621-7e555a0fc6d4" providerId="ADAL" clId="{7CAD9856-F3F0-46EB-8063-AF1386528BA3}" dt="2025-11-20T21:37:08.705" v="4" actId="478"/>
          <ac:spMkLst>
            <pc:docMk/>
            <pc:sldMk cId="789460267" sldId="274"/>
            <ac:spMk id="26" creationId="{0C66D4ED-97EC-DF3F-0205-E6F256E31683}"/>
          </ac:spMkLst>
        </pc:spChg>
        <pc:picChg chg="mod">
          <ac:chgData name="Gloria Asiimwe" userId="c024b75d-292e-4c56-9621-7e555a0fc6d4" providerId="ADAL" clId="{7CAD9856-F3F0-46EB-8063-AF1386528BA3}" dt="2025-11-20T21:37:45.355" v="12" actId="14826"/>
          <ac:picMkLst>
            <pc:docMk/>
            <pc:sldMk cId="789460267" sldId="274"/>
            <ac:picMk id="2" creationId="{C4A91859-DAEA-4C22-1362-9EBAC0365C4B}"/>
          </ac:picMkLst>
        </pc:picChg>
      </pc:sldChg>
      <pc:sldChg chg="modSp">
        <pc:chgData name="Gloria Asiimwe" userId="c024b75d-292e-4c56-9621-7e555a0fc6d4" providerId="ADAL" clId="{7CAD9856-F3F0-46EB-8063-AF1386528BA3}" dt="2025-11-20T21:36:53.078" v="2" actId="14826"/>
        <pc:sldMkLst>
          <pc:docMk/>
          <pc:sldMk cId="3525673069" sldId="275"/>
        </pc:sldMkLst>
        <pc:picChg chg="mod">
          <ac:chgData name="Gloria Asiimwe" userId="c024b75d-292e-4c56-9621-7e555a0fc6d4" providerId="ADAL" clId="{7CAD9856-F3F0-46EB-8063-AF1386528BA3}" dt="2025-11-20T21:36:53.078" v="2" actId="14826"/>
          <ac:picMkLst>
            <pc:docMk/>
            <pc:sldMk cId="3525673069" sldId="275"/>
            <ac:picMk id="3" creationId="{C2A08D1C-95C8-A780-3B63-6E7442418A9D}"/>
          </ac:picMkLst>
        </pc:picChg>
      </pc:sldChg>
      <pc:sldMasterChg chg="delSldLayout">
        <pc:chgData name="Gloria Asiimwe" userId="c024b75d-292e-4c56-9621-7e555a0fc6d4" providerId="ADAL" clId="{7CAD9856-F3F0-46EB-8063-AF1386528BA3}" dt="2025-11-20T21:36:58.648" v="3" actId="47"/>
        <pc:sldMasterMkLst>
          <pc:docMk/>
          <pc:sldMasterMk cId="3012301830" sldId="2147483662"/>
        </pc:sldMasterMkLst>
        <pc:sldLayoutChg chg="del">
          <pc:chgData name="Gloria Asiimwe" userId="c024b75d-292e-4c56-9621-7e555a0fc6d4" providerId="ADAL" clId="{7CAD9856-F3F0-46EB-8063-AF1386528BA3}" dt="2025-11-20T21:36:58.648" v="3" actId="47"/>
          <pc:sldLayoutMkLst>
            <pc:docMk/>
            <pc:sldMasterMk cId="3012301830" sldId="2147483662"/>
            <pc:sldLayoutMk cId="4175216233" sldId="2147483679"/>
          </pc:sldLayoutMkLst>
        </pc:sldLayoutChg>
      </pc:sldMaster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0/11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408981664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A/V 'Logo' Light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66175EB-0D63-4719-8BCE-711F02B52DF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/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88A66F13-B6A1-4091-8D0D-38F14441DDC7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17A5438-234E-4D61-8663-D24BCB9C8B5F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088484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SESSION Title Light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905000"/>
            <a:ext cx="6390290" cy="2913449"/>
          </a:xfrm>
        </p:spPr>
        <p:txBody>
          <a:bodyPr anchor="ctr" anchorCtr="0"/>
          <a:lstStyle>
            <a:lvl1pPr algn="l">
              <a:lnSpc>
                <a:spcPts val="5800"/>
              </a:lnSpc>
              <a:defRPr sz="54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4983238"/>
            <a:ext cx="5535613" cy="1168636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81734EB-97BE-4F75-A475-8BEFF12FA043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5000CCF-094C-49FF-8686-0BCA702D27C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1" name="Footer Placeholder 20">
            <a:extLst>
              <a:ext uri="{FF2B5EF4-FFF2-40B4-BE49-F238E27FC236}">
                <a16:creationId xmlns:a16="http://schemas.microsoft.com/office/drawing/2014/main" id="{0E8FA32B-06BF-4CB2-A2A6-76C17803689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7305C8CF-69A2-4BED-9C60-E6919BD018C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623672" y="593726"/>
            <a:ext cx="2292942" cy="892174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3386CBC4-85DB-4B25-879C-D35D59B06FC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623671" y="365125"/>
            <a:ext cx="2292942" cy="228600"/>
          </a:xfrm>
        </p:spPr>
        <p:txBody>
          <a:bodyPr/>
          <a:lstStyle>
            <a:lvl1pPr algn="ctr">
              <a:defRPr sz="900">
                <a:solidFill>
                  <a:schemeClr val="tx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40367249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SESSION Title Dark BKG">
    <p:bg>
      <p:bgPr>
        <a:solidFill>
          <a:schemeClr val="bg1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0999" y="1905000"/>
            <a:ext cx="6382407" cy="2913449"/>
          </a:xfrm>
        </p:spPr>
        <p:txBody>
          <a:bodyPr anchor="ctr" anchorCtr="0"/>
          <a:lstStyle>
            <a:lvl1pPr algn="l">
              <a:lnSpc>
                <a:spcPts val="5800"/>
              </a:lnSpc>
              <a:defRPr sz="54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4983238"/>
            <a:ext cx="5535613" cy="1168636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Picture Placeholder 16">
            <a:extLst>
              <a:ext uri="{FF2B5EF4-FFF2-40B4-BE49-F238E27FC236}">
                <a16:creationId xmlns:a16="http://schemas.microsoft.com/office/drawing/2014/main" id="{60CE1982-35C8-4E75-8969-2683DE79E9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F9399F-A39F-4635-9F89-5B9E7879429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  <p:sp>
        <p:nvSpPr>
          <p:cNvPr id="14" name="Picture Placeholder 5">
            <a:extLst>
              <a:ext uri="{FF2B5EF4-FFF2-40B4-BE49-F238E27FC236}">
                <a16:creationId xmlns:a16="http://schemas.microsoft.com/office/drawing/2014/main" id="{6C790E23-DA47-4827-B156-33CD1F3C3DF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623672" y="593726"/>
            <a:ext cx="2292942" cy="892174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7" name="Text Placeholder 6">
            <a:extLst>
              <a:ext uri="{FF2B5EF4-FFF2-40B4-BE49-F238E27FC236}">
                <a16:creationId xmlns:a16="http://schemas.microsoft.com/office/drawing/2014/main" id="{22F0BC50-73A9-42D8-987C-FCC8C52F9098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623671" y="365125"/>
            <a:ext cx="2292942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C6529A1D-1DC3-4558-B013-86EF88A0A4AE}"/>
              </a:ext>
            </a:extLst>
          </p:cNvPr>
          <p:cNvSpPr/>
          <p:nvPr userDrawn="1"/>
        </p:nvSpPr>
        <p:spPr>
          <a:xfrm rot="5400000">
            <a:off x="3112842" y="-3432639"/>
            <a:ext cx="222739" cy="64484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*** Right-click off the slide to Format Background and change the background </a:t>
            </a:r>
            <a:r>
              <a:rPr lang="en-US" sz="1050" err="1">
                <a:solidFill>
                  <a:schemeClr val="tx1"/>
                </a:solidFill>
              </a:rPr>
              <a:t>colour</a:t>
            </a:r>
            <a:r>
              <a:rPr lang="en-US" sz="1050">
                <a:solidFill>
                  <a:schemeClr val="tx1"/>
                </a:solidFill>
              </a:rPr>
              <a:t>***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3ECE441-3FD7-42DF-ACC3-DE1A35FE1D2F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255587459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PANEL Title Light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0999" y="2827341"/>
            <a:ext cx="6792687" cy="2591053"/>
          </a:xfrm>
        </p:spPr>
        <p:txBody>
          <a:bodyPr anchor="ctr" anchorCtr="0"/>
          <a:lstStyle>
            <a:lvl1pPr algn="l">
              <a:lnSpc>
                <a:spcPts val="5400"/>
              </a:lnSpc>
              <a:defRPr sz="48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</a:t>
            </a:r>
            <a:br>
              <a:rPr lang="en-US"/>
            </a:br>
            <a:r>
              <a:rPr lang="en-US"/>
              <a:t>edit Master </a:t>
            </a:r>
            <a:br>
              <a:rPr lang="en-US"/>
            </a:br>
            <a:r>
              <a:rPr lang="en-US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5418393"/>
            <a:ext cx="9846130" cy="834203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5000CCF-094C-49FF-8686-0BCA702D27C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4D95FDA3-8061-4594-A1DD-A0A963CD87B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623672" y="593726"/>
            <a:ext cx="2292942" cy="892174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3C7D036E-0BC8-4DD0-917B-B0F0E88088E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623671" y="365125"/>
            <a:ext cx="2292942" cy="228600"/>
          </a:xfrm>
        </p:spPr>
        <p:txBody>
          <a:bodyPr/>
          <a:lstStyle>
            <a:lvl1pPr algn="ctr">
              <a:defRPr sz="900">
                <a:solidFill>
                  <a:schemeClr val="tx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BEF1260-FE0E-4B9A-A414-D3559EF5FCE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81000" y="1905000"/>
            <a:ext cx="5894388" cy="922341"/>
          </a:xfrm>
        </p:spPr>
        <p:txBody>
          <a:bodyPr anchor="b" anchorCtr="0"/>
          <a:lstStyle>
            <a:lvl1pPr>
              <a:defRPr sz="4000">
                <a:solidFill>
                  <a:schemeClr val="tx1"/>
                </a:solidFill>
              </a:defRPr>
            </a:lvl1pPr>
            <a:lvl2pPr marL="2857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609DE3-12FC-4A76-A6EB-F3DC97E6736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2D1FD537-5B18-4C4F-A2BC-B812EAFBBC70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3842954005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PANEL Title Dark BKG">
    <p:bg>
      <p:bgPr>
        <a:solidFill>
          <a:schemeClr val="bg1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0999" y="2827341"/>
            <a:ext cx="6792687" cy="2586829"/>
          </a:xfrm>
        </p:spPr>
        <p:txBody>
          <a:bodyPr anchor="ctr" anchorCtr="0"/>
          <a:lstStyle>
            <a:lvl1pPr algn="l">
              <a:lnSpc>
                <a:spcPts val="5400"/>
              </a:lnSpc>
              <a:defRPr sz="48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0998" y="5419342"/>
            <a:ext cx="9829801" cy="832306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Picture Placeholder 16">
            <a:extLst>
              <a:ext uri="{FF2B5EF4-FFF2-40B4-BE49-F238E27FC236}">
                <a16:creationId xmlns:a16="http://schemas.microsoft.com/office/drawing/2014/main" id="{60CE1982-35C8-4E75-8969-2683DE79E9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Picture Placeholder 5">
            <a:extLst>
              <a:ext uri="{FF2B5EF4-FFF2-40B4-BE49-F238E27FC236}">
                <a16:creationId xmlns:a16="http://schemas.microsoft.com/office/drawing/2014/main" id="{BBF9EDBE-0841-4FD2-9367-623954512B77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3623672" y="593726"/>
            <a:ext cx="2292942" cy="892174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4" name="Text Placeholder 6">
            <a:extLst>
              <a:ext uri="{FF2B5EF4-FFF2-40B4-BE49-F238E27FC236}">
                <a16:creationId xmlns:a16="http://schemas.microsoft.com/office/drawing/2014/main" id="{C77F9961-7D82-48CB-9F15-5066FA5699F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623671" y="365125"/>
            <a:ext cx="2292942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8C61EA2-1F81-4403-B8F0-2BA3052A600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1000" y="1905000"/>
            <a:ext cx="5894388" cy="922341"/>
          </a:xfrm>
        </p:spPr>
        <p:txBody>
          <a:bodyPr anchor="b" anchorCtr="0"/>
          <a:lstStyle>
            <a:lvl1pPr>
              <a:defRPr sz="4000">
                <a:solidFill>
                  <a:schemeClr val="bg1"/>
                </a:solidFill>
              </a:defRPr>
            </a:lvl1pPr>
            <a:lvl2pPr marL="2857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614AF39-8D38-4ECA-A01B-0F77308D51E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623D2537-742B-429D-A334-6D187B4D3021}"/>
              </a:ext>
            </a:extLst>
          </p:cNvPr>
          <p:cNvSpPr/>
          <p:nvPr userDrawn="1"/>
        </p:nvSpPr>
        <p:spPr>
          <a:xfrm rot="5400000">
            <a:off x="3112842" y="-3432639"/>
            <a:ext cx="222739" cy="64484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*** Right-click off the slide to Format Background and change the background </a:t>
            </a:r>
            <a:r>
              <a:rPr lang="en-US" sz="1050" err="1">
                <a:solidFill>
                  <a:schemeClr val="tx1"/>
                </a:solidFill>
              </a:rPr>
              <a:t>colour</a:t>
            </a:r>
            <a:r>
              <a:rPr lang="en-US" sz="1050">
                <a:solidFill>
                  <a:schemeClr val="tx1"/>
                </a:solidFill>
              </a:rPr>
              <a:t>***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112648A-4DAA-4316-B70A-7DB495B2AC4A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1981481707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PANEL MEMB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905000"/>
            <a:ext cx="11429324" cy="60939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2708275"/>
            <a:ext cx="5523824" cy="3209614"/>
          </a:xfrm>
        </p:spPr>
        <p:txBody>
          <a:bodyPr/>
          <a:lstStyle>
            <a:lvl1pPr>
              <a:spcBef>
                <a:spcPts val="0"/>
              </a:spcBef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2708275"/>
            <a:ext cx="5523824" cy="3209614"/>
          </a:xfrm>
        </p:spPr>
        <p:txBody>
          <a:bodyPr/>
          <a:lstStyle>
            <a:lvl1pPr>
              <a:spcBef>
                <a:spcPts val="0"/>
              </a:spcBef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id="{553C0F7E-3997-46DA-8E8D-91A401E903F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3623672" y="593726"/>
            <a:ext cx="2292942" cy="892174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AA79A2A3-A233-4A91-9D7E-ED9FA94F79A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623671" y="365125"/>
            <a:ext cx="2292942" cy="228600"/>
          </a:xfrm>
        </p:spPr>
        <p:txBody>
          <a:bodyPr/>
          <a:lstStyle>
            <a:lvl1pPr algn="ctr">
              <a:defRPr sz="900">
                <a:solidFill>
                  <a:schemeClr val="tx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CD1F7818-E649-4001-A7FD-C042800D942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286500" y="376495"/>
            <a:ext cx="5524500" cy="1191047"/>
          </a:xfrm>
        </p:spPr>
        <p:txBody>
          <a:bodyPr anchor="b" anchorCtr="0"/>
          <a:lstStyle>
            <a:lvl1pPr algn="r">
              <a:spcBef>
                <a:spcPts val="0"/>
              </a:spcBef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284C5B8D-DA2B-43D9-B4FD-C929BD4C73A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16C0D05-FDFF-4CBC-BC54-DA0F3499F8A6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1057099309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SPEAKER Title Light BK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2237821"/>
            <a:ext cx="5904000" cy="2387600"/>
          </a:xfrm>
        </p:spPr>
        <p:txBody>
          <a:bodyPr anchor="ctr" anchorCtr="0"/>
          <a:lstStyle>
            <a:lvl1pPr algn="l">
              <a:lnSpc>
                <a:spcPts val="5400"/>
              </a:lnSpc>
              <a:defRPr sz="48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4983238"/>
            <a:ext cx="5904000" cy="1168636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9890ACCA-9133-4817-B0E4-440199E3F41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79EE68-A4C7-445B-9FE8-D26AB3BAB46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703E2DD-C901-47D4-8E70-1958AF6E24D0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328610308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SPEAKER Title Dark BKG">
    <p:bg>
      <p:bgPr>
        <a:solidFill>
          <a:schemeClr val="bg1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2237821"/>
            <a:ext cx="5904000" cy="2387600"/>
          </a:xfrm>
        </p:spPr>
        <p:txBody>
          <a:bodyPr anchor="ctr" anchorCtr="0"/>
          <a:lstStyle>
            <a:lvl1pPr algn="l">
              <a:lnSpc>
                <a:spcPts val="5400"/>
              </a:lnSpc>
              <a:defRPr sz="48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4983238"/>
            <a:ext cx="5904000" cy="1168636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84A98BAA-FB64-40D2-8DF6-3272F9C842A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065D5B-4573-46E3-856F-00E3E4EE0FE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5EE11D1-D4B2-4349-B36A-1C4D34701537}"/>
              </a:ext>
            </a:extLst>
          </p:cNvPr>
          <p:cNvSpPr/>
          <p:nvPr userDrawn="1"/>
        </p:nvSpPr>
        <p:spPr>
          <a:xfrm rot="5400000">
            <a:off x="3112842" y="-3432639"/>
            <a:ext cx="222739" cy="64484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*** Right-click off the slide to Format Background and change the background </a:t>
            </a:r>
            <a:r>
              <a:rPr lang="en-US" sz="1050" err="1">
                <a:solidFill>
                  <a:schemeClr val="tx1"/>
                </a:solidFill>
              </a:rPr>
              <a:t>colour</a:t>
            </a:r>
            <a:r>
              <a:rPr lang="en-US" sz="1050">
                <a:solidFill>
                  <a:schemeClr val="tx1"/>
                </a:solidFill>
              </a:rPr>
              <a:t>***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26A9E93-D85D-4E97-999B-2EEFD1EEBB9D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393044350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NETWORKING BREA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71474" y="2090327"/>
            <a:ext cx="5903913" cy="2311817"/>
          </a:xfrm>
        </p:spPr>
        <p:txBody>
          <a:bodyPr anchor="t" anchorCtr="0"/>
          <a:lstStyle>
            <a:lvl1pPr algn="l">
              <a:lnSpc>
                <a:spcPts val="8000"/>
              </a:lnSpc>
              <a:defRPr sz="7600">
                <a:solidFill>
                  <a:schemeClr val="accent1"/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9D486B-0790-406E-830A-444E3349780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1475" y="4402145"/>
            <a:ext cx="5903913" cy="1350956"/>
          </a:xfrm>
        </p:spPr>
        <p:txBody>
          <a:bodyPr/>
          <a:lstStyle>
            <a:lvl1pPr>
              <a:spcBef>
                <a:spcPts val="0"/>
              </a:spcBef>
              <a:spcAft>
                <a:spcPts val="1000"/>
              </a:spcAft>
              <a:defRPr b="0"/>
            </a:lvl1pPr>
          </a:lstStyle>
          <a:p>
            <a:pPr lvl="0"/>
            <a:endParaRPr lang="en-US"/>
          </a:p>
        </p:txBody>
      </p:sp>
      <p:sp>
        <p:nvSpPr>
          <p:cNvPr id="14" name="Picture Placeholder 5">
            <a:extLst>
              <a:ext uri="{FF2B5EF4-FFF2-40B4-BE49-F238E27FC236}">
                <a16:creationId xmlns:a16="http://schemas.microsoft.com/office/drawing/2014/main" id="{70A63B1F-55EF-460D-9F4B-F9F3FC1BEB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275388" y="2090327"/>
            <a:ext cx="5534937" cy="3461387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AE40565A-9999-4C50-9B54-35B7FEBE3D1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75389" y="1485900"/>
            <a:ext cx="5534936" cy="419100"/>
          </a:xfrm>
        </p:spPr>
        <p:txBody>
          <a:bodyPr/>
          <a:lstStyle>
            <a:lvl1pPr algn="ctr">
              <a:defRPr sz="1800">
                <a:solidFill>
                  <a:schemeClr val="tx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7F216FD-FA4F-4B6F-8F61-970AA2F8478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BB18DC6-3C6C-4154-A4FC-FCA068907F55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47028241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vents GALA DI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71474" y="2090328"/>
            <a:ext cx="5903913" cy="2068015"/>
          </a:xfrm>
        </p:spPr>
        <p:txBody>
          <a:bodyPr anchor="ctr" anchorCtr="0"/>
          <a:lstStyle>
            <a:lvl1pPr algn="l">
              <a:lnSpc>
                <a:spcPts val="6400"/>
              </a:lnSpc>
              <a:defRPr sz="6600">
                <a:solidFill>
                  <a:schemeClr val="accent1"/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9D486B-0790-406E-830A-444E3349780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1475" y="4158343"/>
            <a:ext cx="5903913" cy="1594757"/>
          </a:xfrm>
        </p:spPr>
        <p:txBody>
          <a:bodyPr/>
          <a:lstStyle>
            <a:lvl1pPr>
              <a:spcBef>
                <a:spcPts val="0"/>
              </a:spcBef>
              <a:spcAft>
                <a:spcPts val="1000"/>
              </a:spcAft>
              <a:defRPr b="0"/>
            </a:lvl1pPr>
          </a:lstStyle>
          <a:p>
            <a:pPr lvl="0"/>
            <a:endParaRPr lang="en-US"/>
          </a:p>
        </p:txBody>
      </p:sp>
      <p:sp>
        <p:nvSpPr>
          <p:cNvPr id="14" name="Picture Placeholder 5">
            <a:extLst>
              <a:ext uri="{FF2B5EF4-FFF2-40B4-BE49-F238E27FC236}">
                <a16:creationId xmlns:a16="http://schemas.microsoft.com/office/drawing/2014/main" id="{70A63B1F-55EF-460D-9F4B-F9F3FC1BEB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275388" y="2090327"/>
            <a:ext cx="5534937" cy="3461387"/>
          </a:xfrm>
          <a:noFill/>
        </p:spPr>
        <p:txBody>
          <a:bodyPr anchor="ctr" anchorCtr="0"/>
          <a:lstStyle>
            <a:lvl1pPr algn="ctr">
              <a:defRPr sz="1600"/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AE40565A-9999-4C50-9B54-35B7FEBE3D1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75389" y="1485900"/>
            <a:ext cx="5534936" cy="419100"/>
          </a:xfrm>
        </p:spPr>
        <p:txBody>
          <a:bodyPr/>
          <a:lstStyle>
            <a:lvl1pPr algn="ctr">
              <a:defRPr sz="1800">
                <a:solidFill>
                  <a:schemeClr val="tx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82277B1-275A-43FC-B17F-DF1F8581B66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C82B66D-CEE4-430E-A38E-03A433C20C41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732788143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TRANSLATION 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2338552"/>
            <a:ext cx="11429324" cy="60939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428999"/>
            <a:ext cx="5523824" cy="2488889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 sz="5400" b="0"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3428999"/>
            <a:ext cx="5523824" cy="2488889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 sz="5400" b="0"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D0D2D66-E074-458B-AB2B-F8BF7876F8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AED5E70-4800-4399-BD9B-678F3575ABF6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2768628581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TRANSLATION x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2330669"/>
            <a:ext cx="11429324" cy="60939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7" y="3428999"/>
            <a:ext cx="3575816" cy="2488889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 sz="4200" b="0"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13193" y="3428999"/>
            <a:ext cx="3575816" cy="2488889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 sz="4200" b="0"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D0D2D66-E074-458B-AB2B-F8BF7876F8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AED5E70-4800-4399-BD9B-678F3575ABF6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10A4E575-4501-44C4-AB25-4835D314B6C0}"/>
              </a:ext>
            </a:extLst>
          </p:cNvPr>
          <p:cNvSpPr>
            <a:spLocks noGrp="1"/>
          </p:cNvSpPr>
          <p:nvPr>
            <p:ph sz="half" idx="12" hasCustomPrompt="1"/>
          </p:nvPr>
        </p:nvSpPr>
        <p:spPr>
          <a:xfrm>
            <a:off x="8244709" y="3428999"/>
            <a:ext cx="3575816" cy="2488889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 sz="4200" b="0"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75213480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GENERAL INFO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905000"/>
            <a:ext cx="11429324" cy="60939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2708275"/>
            <a:ext cx="5523824" cy="3209614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2708275"/>
            <a:ext cx="5523824" cy="3209614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F59967-6E3B-4C07-BE90-60DDC0419B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FA79887-F0AF-4C1F-A026-D94198780F9F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</p:spTree>
    <p:extLst>
      <p:ext uri="{BB962C8B-B14F-4D97-AF65-F5344CB8AC3E}">
        <p14:creationId xmlns:p14="http://schemas.microsoft.com/office/powerpoint/2010/main" val="4150625103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GENERAL INFO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905000"/>
            <a:ext cx="11429324" cy="60939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2708275"/>
            <a:ext cx="3574800" cy="3209614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8600" y="2708275"/>
            <a:ext cx="3574800" cy="3209614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F59967-6E3B-4C07-BE90-60DDC0419B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FA79887-F0AF-4C1F-A026-D94198780F9F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4A58B911-2228-4DFF-8C6D-7529F5CF41D1}"/>
              </a:ext>
            </a:extLst>
          </p:cNvPr>
          <p:cNvSpPr>
            <a:spLocks noGrp="1"/>
          </p:cNvSpPr>
          <p:nvPr>
            <p:ph sz="half" idx="12" hasCustomPrompt="1"/>
          </p:nvPr>
        </p:nvSpPr>
        <p:spPr>
          <a:xfrm>
            <a:off x="8245725" y="2708275"/>
            <a:ext cx="3574800" cy="3209614"/>
          </a:xfrm>
        </p:spPr>
        <p:txBody>
          <a:bodyPr/>
          <a:lstStyle>
            <a:lvl1pPr>
              <a:spcBef>
                <a:spcPts val="0"/>
              </a:spcBef>
              <a:spcAft>
                <a:spcPts val="1200"/>
              </a:spcAft>
              <a:defRPr>
                <a:solidFill>
                  <a:schemeClr val="accent1"/>
                </a:solidFill>
              </a:defRPr>
            </a:lvl1pPr>
            <a:lvl2pPr marL="285750" indent="0">
              <a:buNone/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26116629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vents Sponsor Than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68300"/>
            <a:ext cx="11429324" cy="609398"/>
          </a:xfrm>
        </p:spPr>
        <p:txBody>
          <a:bodyPr/>
          <a:lstStyle>
            <a:lvl1pPr algn="ctr">
              <a:defRPr sz="3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thank you messag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F59967-6E3B-4C07-BE90-60DDC0419B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vent #hashta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FA79887-F0AF-4C1F-A026-D94198780F9F}"/>
              </a:ext>
            </a:extLst>
          </p:cNvPr>
          <p:cNvSpPr/>
          <p:nvPr userDrawn="1"/>
        </p:nvSpPr>
        <p:spPr>
          <a:xfrm>
            <a:off x="-326334" y="368301"/>
            <a:ext cx="222739" cy="112277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700">
                <a:solidFill>
                  <a:schemeClr val="tx1"/>
                </a:solidFill>
              </a:rPr>
              <a:t>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   </a:t>
            </a:r>
            <a:r>
              <a:rPr lang="en-US" sz="700">
                <a:solidFill>
                  <a:schemeClr val="tx1"/>
                </a:solidFill>
              </a:rPr>
              <a:t>HEIGHT OF EVENT   </a:t>
            </a:r>
            <a:r>
              <a:rPr lang="en-US" sz="70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</a:p>
          <a:p>
            <a:pPr algn="ctr"/>
            <a:r>
              <a:rPr lang="en-US" sz="700">
                <a:solidFill>
                  <a:schemeClr val="tx1"/>
                </a:solidFill>
              </a:rPr>
              <a:t>LOCKUP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06E7B1C-ABBA-4D16-A89C-3AE46356EAA8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841296" y="1367118"/>
            <a:ext cx="2116138" cy="322263"/>
          </a:xfrm>
        </p:spPr>
        <p:txBody>
          <a:bodyPr/>
          <a:lstStyle>
            <a:lvl1pPr algn="ctr">
              <a:defRPr sz="1200" b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/>
              <a:t>Click to add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344C3D56-5B2E-4B5C-80DC-1BFFF968515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018464" y="1367118"/>
            <a:ext cx="2116138" cy="322263"/>
          </a:xfrm>
        </p:spPr>
        <p:txBody>
          <a:bodyPr/>
          <a:lstStyle>
            <a:lvl1pPr algn="ctr">
              <a:defRPr sz="1200" b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/>
              <a:t>Click to add level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8DFB75AB-0315-494B-A4B3-911E8BC59C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841296" y="2708275"/>
            <a:ext cx="2116138" cy="322263"/>
          </a:xfrm>
        </p:spPr>
        <p:txBody>
          <a:bodyPr/>
          <a:lstStyle>
            <a:lvl1pPr algn="ctr">
              <a:defRPr sz="1200" b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/>
              <a:t>Click to add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04B4B73C-5716-4DCB-91F5-E9287C6DE95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18464" y="2708275"/>
            <a:ext cx="2116138" cy="322263"/>
          </a:xfrm>
        </p:spPr>
        <p:txBody>
          <a:bodyPr/>
          <a:lstStyle>
            <a:lvl1pPr algn="ctr">
              <a:defRPr sz="1200" b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/>
              <a:t>Click to add level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9249E9E7-1128-4ED8-9802-58C01C89A07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037593" y="4077845"/>
            <a:ext cx="2116138" cy="322263"/>
          </a:xfrm>
        </p:spPr>
        <p:txBody>
          <a:bodyPr/>
          <a:lstStyle>
            <a:lvl1pPr algn="ctr">
              <a:defRPr sz="1200" b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/>
              <a:t>Click to add level</a:t>
            </a:r>
          </a:p>
        </p:txBody>
      </p:sp>
    </p:spTree>
    <p:extLst>
      <p:ext uri="{BB962C8B-B14F-4D97-AF65-F5344CB8AC3E}">
        <p14:creationId xmlns:p14="http://schemas.microsoft.com/office/powerpoint/2010/main" val="434068593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6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5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1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D0A289C-F4F2-9C77-EA8B-FAA9375F658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482445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80999" y="6162324"/>
            <a:ext cx="5317672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861958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3018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  <p:sldLayoutId id="2147483673" r:id="rId11"/>
    <p:sldLayoutId id="2147483674" r:id="rId12"/>
    <p:sldLayoutId id="2147483675" r:id="rId13"/>
    <p:sldLayoutId id="2147483676" r:id="rId14"/>
    <p:sldLayoutId id="2147483677" r:id="rId15"/>
    <p:sldLayoutId id="2147483678" r:id="rId16"/>
  </p:sldLayoutIdLst>
  <p:transition>
    <p:fade/>
  </p:transition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F26B43"/>
          </p15:clr>
        </p15:guide>
        <p15:guide id="3" orient="horz" pos="232">
          <p15:clr>
            <a:srgbClr val="F26B43"/>
          </p15:clr>
        </p15:guide>
        <p15:guide id="4" pos="234">
          <p15:clr>
            <a:srgbClr val="F26B43"/>
          </p15:clr>
        </p15:guide>
        <p15:guide id="5" pos="7446">
          <p15:clr>
            <a:srgbClr val="F26B43"/>
          </p15:clr>
        </p15:guide>
        <p15:guide id="6" pos="3727">
          <p15:clr>
            <a:srgbClr val="5ACBF0"/>
          </p15:clr>
        </p15:guide>
        <p15:guide id="7" pos="3953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F26B43"/>
          </p15:clr>
        </p15:guide>
        <p15:guide id="10" orient="horz" pos="3624">
          <p15:clr>
            <a:srgbClr val="5ACBF0"/>
          </p15:clr>
        </p15:guide>
        <p15:guide id="11" orient="horz" pos="4088">
          <p15:clr>
            <a:srgbClr val="F26B43"/>
          </p15:clr>
        </p15:guide>
        <p15:guide id="12" orient="horz" pos="1200">
          <p15:clr>
            <a:srgbClr val="5ACBF0"/>
          </p15:clr>
        </p15:guide>
        <p15:guide id="13" orient="horz" pos="1706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2.png"/><Relationship Id="rId4" Type="http://schemas.openxmlformats.org/officeDocument/2006/relationships/image" Target="../media/image6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GRADIENT" hidden="1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A291C34A-FAF1-683D-3DA4-62261254622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 hidden="1">
            <a:extLst>
              <a:ext uri="{FF2B5EF4-FFF2-40B4-BE49-F238E27FC236}">
                <a16:creationId xmlns:a16="http://schemas.microsoft.com/office/drawing/2014/main" id="{240937C8-2FBF-6840-8CC4-B3BF5AAC90E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IATA" hidden="1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473283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8" name="Subtitle 30" hidden="1">
            <a:extLst>
              <a:ext uri="{FF2B5EF4-FFF2-40B4-BE49-F238E27FC236}">
                <a16:creationId xmlns:a16="http://schemas.microsoft.com/office/drawing/2014/main" id="{3303AB1C-A1C6-67B3-6D5F-F41ABB624B2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ubTitle" idx="1"/>
          </p:nvPr>
        </p:nvSpPr>
        <p:spPr>
          <a:xfrm>
            <a:off x="505942" y="3141132"/>
            <a:ext cx="5904000" cy="850297"/>
          </a:xfrm>
        </p:spPr>
        <p:txBody>
          <a:bodyPr/>
          <a:lstStyle/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ris, France</a:t>
            </a:r>
          </a:p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ay 12-14  2026</a:t>
            </a:r>
          </a:p>
        </p:txBody>
      </p:sp>
      <p:sp>
        <p:nvSpPr>
          <p:cNvPr id="20" name="Footer Placeholder 28" hidden="1">
            <a:extLst>
              <a:ext uri="{FF2B5EF4-FFF2-40B4-BE49-F238E27FC236}">
                <a16:creationId xmlns:a16="http://schemas.microsoft.com/office/drawing/2014/main" id="{8D96D94B-D357-E9CA-7764-2CC38A083F16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124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AEF</a:t>
            </a:r>
          </a:p>
        </p:txBody>
      </p:sp>
      <p:pic>
        <p:nvPicPr>
          <p:cNvPr id="2" name="Picture 1" hidden="1">
            <a:extLst>
              <a:ext uri="{FF2B5EF4-FFF2-40B4-BE49-F238E27FC236}">
                <a16:creationId xmlns:a16="http://schemas.microsoft.com/office/drawing/2014/main" id="{61C2474F-E5B9-C2CE-1BAF-78E94F50143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82637" y="3700372"/>
            <a:ext cx="4826726" cy="2710721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4E715695-3C19-A781-707C-3210D1BC6A20}"/>
              </a:ext>
            </a:extLst>
          </p:cNvPr>
          <p:cNvGrpSpPr/>
          <p:nvPr/>
        </p:nvGrpSpPr>
        <p:grpSpPr>
          <a:xfrm>
            <a:off x="7019364" y="4054289"/>
            <a:ext cx="637193" cy="1206740"/>
            <a:chOff x="1306168" y="815353"/>
            <a:chExt cx="991737" cy="1979946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0CD56BB2-3A0E-47FB-0688-955BADDC731F}"/>
                </a:ext>
              </a:extLst>
            </p:cNvPr>
            <p:cNvSpPr/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2C1BDA52-2338-42B4-5353-DC005F6C510D}"/>
                </a:ext>
              </a:extLst>
            </p:cNvPr>
            <p:cNvSpPr/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0ED24812-27BA-5316-4332-3BDF158A11DF}"/>
                </a:ext>
              </a:extLst>
            </p:cNvPr>
            <p:cNvSpPr/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75" b="7875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 hidden="1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GRADIENT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pic>
        <p:nvPicPr>
          <p:cNvPr id="8" name="IATA logo" hidden="1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ris, France  </a:t>
            </a: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ay 12-14  2026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D2EE2A2-9503-F020-F6DA-9A487342346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AD71C94-DD27-9487-83B1-CB96450E546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C2A08D1C-95C8-A780-3B63-6E7442418A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GRADIENT" hidden="1">
            <a:extLst>
              <a:ext uri="{FF2B5EF4-FFF2-40B4-BE49-F238E27FC236}">
                <a16:creationId xmlns:a16="http://schemas.microsoft.com/office/drawing/2014/main" id="{D2A70BD7-8887-4B92-CF48-BED857CAE855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E00763B4-C5E6-1541-D242-D41C1829FE1B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 hidden="1">
            <a:extLst>
              <a:ext uri="{FF2B5EF4-FFF2-40B4-BE49-F238E27FC236}">
                <a16:creationId xmlns:a16="http://schemas.microsoft.com/office/drawing/2014/main" id="{588EB7BD-15B1-3A0B-6990-7E9BEED7BA4F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IATA" hidden="1">
            <a:extLst>
              <a:ext uri="{FF2B5EF4-FFF2-40B4-BE49-F238E27FC236}">
                <a16:creationId xmlns:a16="http://schemas.microsoft.com/office/drawing/2014/main" id="{AF23D6D4-7FD5-1A5E-F422-914EF07BD359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E9DF33CD-6396-FA60-6D6C-87668A6DA7E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60831" y="4571999"/>
            <a:ext cx="9303014" cy="1151917"/>
          </a:xfrm>
        </p:spPr>
        <p:txBody>
          <a:bodyPr>
            <a:normAutofit/>
          </a:bodyPr>
          <a:lstStyle/>
          <a:p>
            <a:r>
              <a:rPr lang="fi-FI" sz="4400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AEF Paris 2026!</a:t>
            </a:r>
          </a:p>
        </p:txBody>
      </p:sp>
      <p:sp>
        <p:nvSpPr>
          <p:cNvPr id="18" name="Subtitle 30" hidden="1">
            <a:extLst>
              <a:ext uri="{FF2B5EF4-FFF2-40B4-BE49-F238E27FC236}">
                <a16:creationId xmlns:a16="http://schemas.microsoft.com/office/drawing/2014/main" id="{6D51854F-196F-F6ED-C623-417C6B848A2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05942" y="3141132"/>
            <a:ext cx="5904000" cy="850297"/>
          </a:xfrm>
        </p:spPr>
        <p:txBody>
          <a:bodyPr/>
          <a:lstStyle/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ris, France</a:t>
            </a:r>
          </a:p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ay 12-14  2026</a:t>
            </a:r>
          </a:p>
        </p:txBody>
      </p:sp>
      <p:sp>
        <p:nvSpPr>
          <p:cNvPr id="20" name="Footer Placeholder 28" hidden="1">
            <a:extLst>
              <a:ext uri="{FF2B5EF4-FFF2-40B4-BE49-F238E27FC236}">
                <a16:creationId xmlns:a16="http://schemas.microsoft.com/office/drawing/2014/main" id="{141FBE10-74A7-DEF2-081A-D667E5CA31D2}"/>
              </a:ext>
            </a:extLst>
          </p:cNvPr>
          <p:cNvSpPr txBox="1">
            <a:spLocks/>
          </p:cNvSpPr>
          <p:nvPr/>
        </p:nvSpPr>
        <p:spPr>
          <a:xfrm>
            <a:off x="5124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AEF</a:t>
            </a:r>
          </a:p>
        </p:txBody>
      </p:sp>
      <p:pic>
        <p:nvPicPr>
          <p:cNvPr id="2" name="Picture 1" hidden="1">
            <a:extLst>
              <a:ext uri="{FF2B5EF4-FFF2-40B4-BE49-F238E27FC236}">
                <a16:creationId xmlns:a16="http://schemas.microsoft.com/office/drawing/2014/main" id="{02020A6E-AF9C-C716-D462-525350DA27D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567306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Event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ATA_Master.potx" id="{1CE0BA84-D5C2-4CD9-B5EF-243AC7689F57}" vid="{08549F90-7BF0-4A77-9573-203BE325657E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1c3f1f-0495-40d9-9b66-135184ed1bbb">
      <Terms xmlns="http://schemas.microsoft.com/office/infopath/2007/PartnerControls"/>
    </lcf76f155ced4ddcb4097134ff3c332f>
    <TaxCatchAll xmlns="9b2bd0ef-1d25-40d7-8ac2-26f74ac6e60a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70210FD2FECE54CA7296D6872E23792" ma:contentTypeVersion="11" ma:contentTypeDescription="Create a new document." ma:contentTypeScope="" ma:versionID="58a8e7243b5fdb804a64fba69d9aa4fe">
  <xsd:schema xmlns:xsd="http://www.w3.org/2001/XMLSchema" xmlns:xs="http://www.w3.org/2001/XMLSchema" xmlns:p="http://schemas.microsoft.com/office/2006/metadata/properties" xmlns:ns2="4f1c3f1f-0495-40d9-9b66-135184ed1bbb" xmlns:ns3="9b2bd0ef-1d25-40d7-8ac2-26f74ac6e60a" targetNamespace="http://schemas.microsoft.com/office/2006/metadata/properties" ma:root="true" ma:fieldsID="25f2ad0ce284d713473c627a2fd04466" ns2:_="" ns3:_="">
    <xsd:import namespace="4f1c3f1f-0495-40d9-9b66-135184ed1bbb"/>
    <xsd:import namespace="9b2bd0ef-1d25-40d7-8ac2-26f74ac6e60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1c3f1f-0495-40d9-9b66-135184ed1bb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8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b2bd0ef-1d25-40d7-8ac2-26f74ac6e60a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9df6631-65b2-4d28-a96b-bc4bec7f59ec}" ma:internalName="TaxCatchAll" ma:showField="CatchAllData" ma:web="9b2bd0ef-1d25-40d7-8ac2-26f74ac6e60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2006/metadata/properties"/>
    <ds:schemaRef ds:uri="9b2bd0ef-1d25-40d7-8ac2-26f74ac6e60a"/>
    <ds:schemaRef ds:uri="http://purl.org/dc/elements/1.1/"/>
    <ds:schemaRef ds:uri="http://schemas.openxmlformats.org/package/2006/metadata/core-properties"/>
    <ds:schemaRef ds:uri="http://purl.org/dc/terms/"/>
    <ds:schemaRef ds:uri="http://schemas.microsoft.com/office/infopath/2007/PartnerControls"/>
    <ds:schemaRef ds:uri="http://schemas.microsoft.com/office/2006/documentManagement/types"/>
    <ds:schemaRef ds:uri="4f1c3f1f-0495-40d9-9b66-135184ed1bb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D3A2E363-6586-45E1-AF6D-8B9EC30492C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1c3f1f-0495-40d9-9b66-135184ed1bbb"/>
    <ds:schemaRef ds:uri="9b2bd0ef-1d25-40d7-8ac2-26f74ac6e60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71</TotalTime>
  <Words>142</Words>
  <Application>Microsoft Office PowerPoint</Application>
  <PresentationFormat>Widescreen</PresentationFormat>
  <Paragraphs>1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ktiv Grotesk</vt:lpstr>
      <vt:lpstr>Aktiv Grotesk Medium</vt:lpstr>
      <vt:lpstr>Aptos</vt:lpstr>
      <vt:lpstr>Arial</vt:lpstr>
      <vt:lpstr>Calibri</vt:lpstr>
      <vt:lpstr>Calibri Light</vt:lpstr>
      <vt:lpstr>Wingdings</vt:lpstr>
      <vt:lpstr>Office Theme</vt:lpstr>
      <vt:lpstr>IATA_Event_Master</vt:lpstr>
      <vt:lpstr>Promotional Kit</vt:lpstr>
      <vt:lpstr>PowerPoint Presentation</vt:lpstr>
      <vt:lpstr>PowerPoint Presentation</vt:lpstr>
      <vt:lpstr>JOIN ME AT AEF Paris 2026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Gloria Asiimwe</cp:lastModifiedBy>
  <cp:revision>5</cp:revision>
  <dcterms:created xsi:type="dcterms:W3CDTF">2023-06-13T12:34:15Z</dcterms:created>
  <dcterms:modified xsi:type="dcterms:W3CDTF">2025-11-20T21:38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70210FD2FECE54CA7296D6872E23792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